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2-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2-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aassluis/"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E96E4D90-37BC-2C39-A925-B93098D119A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5519" y="5151086"/>
            <a:ext cx="1660833" cy="151800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03A48273-BE5C-9A9D-0D1C-A8966770836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54219" y="3836639"/>
            <a:ext cx="1651724" cy="150967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8-12T08:03:24Z</dcterms:modified>
</cp:coreProperties>
</file>